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831C27D2-8C35-40B6-8E87-1D6A2CE3042D}" xr6:coauthVersionLast="47" xr6:coauthVersionMax="47" xr10:uidLastSave="{00000000-0000-0000-0000-000000000000}"/>
  <bookViews>
    <workbookView xWindow="-98" yWindow="-98" windowWidth="20715" windowHeight="13155" xr2:uid="{B2D49FB6-2A07-4033-8BC6-4965AC35024C}"/>
  </bookViews>
  <sheets>
    <sheet name="17" sheetId="1" r:id="rId1"/>
  </sheets>
  <definedNames>
    <definedName name="_xlnm._FilterDatabase" localSheetId="0" hidden="1">'17'!$I$8:$O$19</definedName>
    <definedName name="_xlnm.Print_Area" localSheetId="0">'17'!$A$1:$X$66</definedName>
    <definedName name="_xlnm.Print_Titles" localSheetId="0">'1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5" uniqueCount="61">
  <si>
    <t>古沢・老田・池多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紙</t>
    <phoneticPr fontId="2"/>
  </si>
  <si>
    <t>プラ
紙
びん</t>
    <phoneticPr fontId="2"/>
  </si>
  <si>
    <t>プラ
びん</t>
    <phoneticPr fontId="2"/>
  </si>
  <si>
    <t>可燃</t>
    <phoneticPr fontId="2"/>
  </si>
  <si>
    <t>不燃
缶</t>
  </si>
  <si>
    <t>プラ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不燃
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１・３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6" fillId="2" borderId="16" xfId="0" applyFont="1" applyFill="1" applyBorder="1" applyAlignment="1">
      <alignment horizontal="center" vertical="top" wrapText="1"/>
    </xf>
    <xf numFmtId="0" fontId="1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6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1" fillId="0" borderId="36" xfId="0" applyFont="1" applyBorder="1" applyAlignment="1">
      <alignment horizontal="left" vertical="center"/>
    </xf>
    <xf numFmtId="0" fontId="21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1" fillId="0" borderId="36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8595</xdr:colOff>
      <xdr:row>34</xdr:row>
      <xdr:rowOff>160972</xdr:rowOff>
    </xdr:from>
    <xdr:to>
      <xdr:col>8</xdr:col>
      <xdr:colOff>1967</xdr:colOff>
      <xdr:row>34</xdr:row>
      <xdr:rowOff>10382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3AC395BF-F2A8-4279-864E-CDD78E5DCD9F}"/>
            </a:ext>
          </a:extLst>
        </xdr:cNvPr>
        <xdr:cNvSpPr txBox="1">
          <a:spLocks noChangeArrowheads="1"/>
        </xdr:cNvSpPr>
      </xdr:nvSpPr>
      <xdr:spPr bwMode="auto">
        <a:xfrm>
          <a:off x="188595" y="9600247"/>
          <a:ext cx="4956872" cy="95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90500</xdr:colOff>
      <xdr:row>64</xdr:row>
      <xdr:rowOff>95250</xdr:rowOff>
    </xdr:from>
    <xdr:to>
      <xdr:col>7</xdr:col>
      <xdr:colOff>674346</xdr:colOff>
      <xdr:row>64</xdr:row>
      <xdr:rowOff>1114426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2EBE5038-1493-49EF-8693-987E6655AA6D}"/>
            </a:ext>
          </a:extLst>
        </xdr:cNvPr>
        <xdr:cNvSpPr txBox="1">
          <a:spLocks noChangeArrowheads="1"/>
        </xdr:cNvSpPr>
      </xdr:nvSpPr>
      <xdr:spPr bwMode="auto">
        <a:xfrm>
          <a:off x="190500" y="18173700"/>
          <a:ext cx="4951072" cy="66676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D48028-1F50-4663-BD56-CF8722427C7F}">
  <sheetPr codeName="Sheet10"/>
  <dimension ref="A1:AH110"/>
  <sheetViews>
    <sheetView showZeros="0" tabSelected="1" view="pageBreakPreview" zoomScale="50" zoomScaleNormal="75" zoomScaleSheetLayoutView="50" workbookViewId="0">
      <selection activeCell="AA5" sqref="AA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5" t="s">
        <v>60</v>
      </c>
      <c r="B1" s="106"/>
      <c r="C1" s="106"/>
      <c r="D1" s="107" t="s">
        <v>59</v>
      </c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108" t="s">
        <v>0</v>
      </c>
      <c r="P1" s="108"/>
      <c r="Q1" s="108"/>
      <c r="R1" s="108"/>
      <c r="S1" s="108"/>
      <c r="T1" s="108"/>
      <c r="U1" s="108"/>
      <c r="V1" s="108"/>
      <c r="W1" s="103">
        <v>17</v>
      </c>
    </row>
    <row r="2" spans="1:33" ht="35.1" customHeight="1" x14ac:dyDescent="0.25">
      <c r="A2" s="101"/>
      <c r="B2" s="109" t="s">
        <v>58</v>
      </c>
      <c r="C2" s="110"/>
      <c r="D2" s="110"/>
      <c r="E2" s="111" t="s">
        <v>57</v>
      </c>
      <c r="F2" s="111"/>
      <c r="G2" s="112" t="s">
        <v>56</v>
      </c>
      <c r="H2" s="112"/>
      <c r="I2" s="112"/>
      <c r="J2" s="102" t="s">
        <v>39</v>
      </c>
      <c r="K2" s="101"/>
      <c r="L2" s="97" t="s">
        <v>55</v>
      </c>
      <c r="M2" s="100"/>
      <c r="N2" s="100"/>
      <c r="O2" s="111" t="s">
        <v>45</v>
      </c>
      <c r="P2" s="111"/>
      <c r="Q2" s="113" t="s">
        <v>54</v>
      </c>
      <c r="R2" s="113"/>
      <c r="S2" s="94" t="s">
        <v>40</v>
      </c>
      <c r="T2" s="98" t="s">
        <v>39</v>
      </c>
      <c r="U2" s="114" t="s">
        <v>53</v>
      </c>
      <c r="V2" s="115"/>
      <c r="W2" s="115"/>
      <c r="X2" s="115"/>
    </row>
    <row r="3" spans="1:33" s="89" customFormat="1" ht="35.1" customHeight="1" x14ac:dyDescent="0.25">
      <c r="A3" s="92"/>
      <c r="B3" s="116" t="s">
        <v>52</v>
      </c>
      <c r="C3" s="117"/>
      <c r="D3" s="117"/>
      <c r="E3" s="111" t="s">
        <v>45</v>
      </c>
      <c r="F3" s="111"/>
      <c r="G3" s="111" t="s">
        <v>51</v>
      </c>
      <c r="H3" s="111"/>
      <c r="I3" s="91" t="s">
        <v>50</v>
      </c>
      <c r="J3" s="93" t="s">
        <v>39</v>
      </c>
      <c r="K3" s="99"/>
      <c r="L3" s="109" t="s">
        <v>49</v>
      </c>
      <c r="M3" s="110"/>
      <c r="N3" s="110"/>
      <c r="O3" s="111" t="s">
        <v>48</v>
      </c>
      <c r="P3" s="111"/>
      <c r="Q3" s="118" t="s">
        <v>47</v>
      </c>
      <c r="R3" s="118"/>
      <c r="S3" s="94" t="s">
        <v>40</v>
      </c>
      <c r="T3" s="98" t="s">
        <v>39</v>
      </c>
      <c r="U3" s="114"/>
      <c r="V3" s="115"/>
      <c r="W3" s="115"/>
      <c r="X3" s="115"/>
    </row>
    <row r="4" spans="1:33" s="89" customFormat="1" ht="35.1" customHeight="1" x14ac:dyDescent="0.25">
      <c r="A4" s="92"/>
      <c r="B4" s="97" t="s">
        <v>46</v>
      </c>
      <c r="C4" s="96"/>
      <c r="D4" s="95"/>
      <c r="E4" s="111" t="s">
        <v>45</v>
      </c>
      <c r="F4" s="111"/>
      <c r="G4" s="111" t="s">
        <v>44</v>
      </c>
      <c r="H4" s="111"/>
      <c r="I4" s="94" t="s">
        <v>14</v>
      </c>
      <c r="J4" s="93" t="s">
        <v>39</v>
      </c>
      <c r="K4" s="92"/>
      <c r="L4" s="116" t="s">
        <v>43</v>
      </c>
      <c r="M4" s="117"/>
      <c r="N4" s="117"/>
      <c r="O4" s="111" t="s">
        <v>42</v>
      </c>
      <c r="P4" s="111"/>
      <c r="Q4" s="113" t="s">
        <v>41</v>
      </c>
      <c r="R4" s="113"/>
      <c r="S4" s="91" t="s">
        <v>40</v>
      </c>
      <c r="T4" s="90" t="s">
        <v>39</v>
      </c>
      <c r="U4" s="114"/>
      <c r="V4" s="115"/>
      <c r="W4" s="115"/>
      <c r="X4" s="115"/>
    </row>
    <row r="5" spans="1:33" ht="37.5" customHeight="1" thickBot="1" x14ac:dyDescent="0.3">
      <c r="A5" s="88"/>
      <c r="B5" s="104" t="s">
        <v>38</v>
      </c>
      <c r="J5" s="85" t="s">
        <v>37</v>
      </c>
      <c r="K5" s="84"/>
      <c r="L5" s="84"/>
      <c r="M5" s="84"/>
      <c r="N5" s="84"/>
      <c r="O5" s="84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</row>
    <row r="6" spans="1:33" s="84" customFormat="1" ht="39.950000000000003" customHeight="1" thickBot="1" x14ac:dyDescent="0.3">
      <c r="A6" s="57" t="s">
        <v>36</v>
      </c>
      <c r="B6" s="87"/>
      <c r="C6" s="119" t="s">
        <v>35</v>
      </c>
      <c r="D6" s="120"/>
      <c r="E6" s="121"/>
      <c r="K6" s="119" t="s">
        <v>34</v>
      </c>
      <c r="L6" s="120"/>
      <c r="M6" s="121"/>
      <c r="S6" s="119" t="s">
        <v>33</v>
      </c>
      <c r="T6" s="120"/>
      <c r="U6" s="121"/>
      <c r="Y6" s="86"/>
      <c r="AA6" s="85"/>
    </row>
    <row r="7" spans="1:33" s="70" customFormat="1" ht="35.1" customHeight="1" x14ac:dyDescent="0.4">
      <c r="A7" s="82" t="s">
        <v>17</v>
      </c>
      <c r="B7" s="67" t="s">
        <v>16</v>
      </c>
      <c r="C7" s="83" t="s">
        <v>15</v>
      </c>
      <c r="D7" s="67" t="s">
        <v>14</v>
      </c>
      <c r="E7" s="67" t="s">
        <v>13</v>
      </c>
      <c r="F7" s="67" t="s">
        <v>32</v>
      </c>
      <c r="G7" s="81" t="s">
        <v>11</v>
      </c>
      <c r="I7" s="82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1" t="s">
        <v>11</v>
      </c>
      <c r="Q7" s="82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1" t="s">
        <v>11</v>
      </c>
      <c r="Y7" s="71"/>
    </row>
    <row r="8" spans="1:33" s="70" customFormat="1" ht="35.1" customHeight="1" x14ac:dyDescent="0.4">
      <c r="A8" s="80">
        <v>0</v>
      </c>
      <c r="B8" s="79">
        <v>0</v>
      </c>
      <c r="C8" s="70">
        <v>0</v>
      </c>
      <c r="D8" s="74">
        <v>1</v>
      </c>
      <c r="E8" s="70">
        <v>2</v>
      </c>
      <c r="F8" s="76">
        <v>3</v>
      </c>
      <c r="G8" s="78">
        <v>4</v>
      </c>
      <c r="I8" s="77">
        <v>0</v>
      </c>
      <c r="J8" s="70">
        <v>0</v>
      </c>
      <c r="K8" s="70">
        <v>0</v>
      </c>
      <c r="L8" s="70">
        <v>0</v>
      </c>
      <c r="M8" s="70">
        <v>0</v>
      </c>
      <c r="N8" s="76">
        <v>1</v>
      </c>
      <c r="O8" s="72">
        <v>2</v>
      </c>
      <c r="Q8" s="75">
        <v>0</v>
      </c>
      <c r="R8" s="74">
        <v>1</v>
      </c>
      <c r="S8" s="74">
        <v>2</v>
      </c>
      <c r="T8" s="74">
        <v>3</v>
      </c>
      <c r="U8" s="70">
        <v>4</v>
      </c>
      <c r="V8" s="73">
        <v>5</v>
      </c>
      <c r="W8" s="72">
        <v>6</v>
      </c>
      <c r="Y8" s="71"/>
    </row>
    <row r="9" spans="1:33" s="27" customFormat="1" ht="70.5" customHeight="1" x14ac:dyDescent="0.25">
      <c r="A9" s="33"/>
      <c r="B9" s="29"/>
      <c r="C9" s="29"/>
      <c r="D9" s="30" t="s">
        <v>9</v>
      </c>
      <c r="E9" s="29"/>
      <c r="F9" s="30" t="s">
        <v>4</v>
      </c>
      <c r="G9" s="37"/>
      <c r="I9" s="33"/>
      <c r="J9" s="29"/>
      <c r="K9" s="29"/>
      <c r="L9" s="29"/>
      <c r="M9" s="29"/>
      <c r="N9" s="38" t="s">
        <v>4</v>
      </c>
      <c r="O9" s="37"/>
      <c r="Q9" s="33"/>
      <c r="R9" s="30" t="s">
        <v>10</v>
      </c>
      <c r="S9" s="30" t="s">
        <v>4</v>
      </c>
      <c r="T9" s="30" t="s">
        <v>9</v>
      </c>
      <c r="U9" s="29"/>
      <c r="V9" s="38" t="s">
        <v>4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49">
        <v>7</v>
      </c>
      <c r="D10" s="45">
        <v>8</v>
      </c>
      <c r="E10" s="45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6">
        <v>6</v>
      </c>
      <c r="M10" s="45">
        <v>7</v>
      </c>
      <c r="N10" s="44">
        <v>8</v>
      </c>
      <c r="O10" s="43">
        <v>9</v>
      </c>
      <c r="Q10" s="47">
        <v>7</v>
      </c>
      <c r="R10" s="44">
        <v>8</v>
      </c>
      <c r="S10" s="44">
        <v>9</v>
      </c>
      <c r="T10" s="45">
        <v>10</v>
      </c>
      <c r="U10" s="45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2"/>
      <c r="B11" s="42" t="s">
        <v>10</v>
      </c>
      <c r="C11" s="42" t="s">
        <v>4</v>
      </c>
      <c r="D11" s="39"/>
      <c r="E11" s="39"/>
      <c r="F11" s="30" t="s">
        <v>4</v>
      </c>
      <c r="G11" s="37"/>
      <c r="I11" s="32"/>
      <c r="J11" s="39"/>
      <c r="K11" s="39"/>
      <c r="L11" s="40" t="s">
        <v>31</v>
      </c>
      <c r="M11" s="39"/>
      <c r="N11" s="30" t="s">
        <v>4</v>
      </c>
      <c r="O11" s="37"/>
      <c r="Q11" s="32"/>
      <c r="R11" s="42" t="s">
        <v>7</v>
      </c>
      <c r="S11" s="38" t="s">
        <v>4</v>
      </c>
      <c r="T11" s="39"/>
      <c r="U11" s="39"/>
      <c r="V11" s="42" t="s">
        <v>4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49">
        <v>14</v>
      </c>
      <c r="D12" s="44">
        <v>15</v>
      </c>
      <c r="E12" s="45">
        <v>16</v>
      </c>
      <c r="F12" s="44">
        <v>17</v>
      </c>
      <c r="G12" s="34">
        <v>18</v>
      </c>
      <c r="I12" s="47">
        <v>10</v>
      </c>
      <c r="J12" s="44">
        <v>11</v>
      </c>
      <c r="K12" s="44">
        <v>12</v>
      </c>
      <c r="L12" s="45">
        <v>13</v>
      </c>
      <c r="M12" s="45">
        <v>14</v>
      </c>
      <c r="N12" s="44">
        <v>15</v>
      </c>
      <c r="O12" s="43">
        <v>16</v>
      </c>
      <c r="Q12" s="47">
        <v>14</v>
      </c>
      <c r="R12" s="44">
        <v>15</v>
      </c>
      <c r="S12" s="44">
        <v>16</v>
      </c>
      <c r="T12" s="44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2"/>
      <c r="B13" s="42" t="s">
        <v>7</v>
      </c>
      <c r="C13" s="38" t="s">
        <v>4</v>
      </c>
      <c r="D13" s="42" t="s">
        <v>9</v>
      </c>
      <c r="E13" s="39"/>
      <c r="F13" s="30" t="s">
        <v>4</v>
      </c>
      <c r="G13" s="37"/>
      <c r="I13" s="32"/>
      <c r="J13" s="42" t="s">
        <v>7</v>
      </c>
      <c r="K13" s="38" t="s">
        <v>4</v>
      </c>
      <c r="L13" s="39"/>
      <c r="M13" s="39"/>
      <c r="N13" s="30" t="s">
        <v>4</v>
      </c>
      <c r="O13" s="37"/>
      <c r="Q13" s="32"/>
      <c r="R13" s="42" t="s">
        <v>10</v>
      </c>
      <c r="S13" s="38" t="s">
        <v>4</v>
      </c>
      <c r="T13" s="42" t="s">
        <v>9</v>
      </c>
      <c r="U13" s="39"/>
      <c r="V13" s="30" t="s">
        <v>4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49">
        <v>21</v>
      </c>
      <c r="D14" s="45">
        <v>22</v>
      </c>
      <c r="E14" s="45">
        <v>23</v>
      </c>
      <c r="F14" s="44">
        <v>24</v>
      </c>
      <c r="G14" s="34">
        <v>25</v>
      </c>
      <c r="I14" s="47">
        <v>17</v>
      </c>
      <c r="J14" s="44">
        <v>18</v>
      </c>
      <c r="K14" s="44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4">
        <v>22</v>
      </c>
      <c r="S14" s="44">
        <v>23</v>
      </c>
      <c r="T14" s="45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2"/>
      <c r="B15" s="42" t="s">
        <v>10</v>
      </c>
      <c r="C15" s="38" t="s">
        <v>4</v>
      </c>
      <c r="D15" s="39"/>
      <c r="E15" s="39"/>
      <c r="F15" s="30" t="s">
        <v>4</v>
      </c>
      <c r="G15" s="37"/>
      <c r="I15" s="32"/>
      <c r="J15" s="42" t="s">
        <v>10</v>
      </c>
      <c r="K15" s="38" t="s">
        <v>4</v>
      </c>
      <c r="L15" s="42" t="s">
        <v>9</v>
      </c>
      <c r="M15" s="39"/>
      <c r="N15" s="38" t="s">
        <v>4</v>
      </c>
      <c r="O15" s="37"/>
      <c r="Q15" s="32"/>
      <c r="R15" s="42" t="s">
        <v>6</v>
      </c>
      <c r="S15" s="38" t="s">
        <v>4</v>
      </c>
      <c r="T15" s="39"/>
      <c r="U15" s="39"/>
      <c r="V15" s="38" t="s">
        <v>4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35">
        <v>28</v>
      </c>
      <c r="D16" s="68">
        <v>29</v>
      </c>
      <c r="E16" s="23">
        <v>30</v>
      </c>
      <c r="F16" s="23">
        <v>0</v>
      </c>
      <c r="G16" s="34">
        <v>0</v>
      </c>
      <c r="I16" s="36">
        <v>24</v>
      </c>
      <c r="J16" s="35">
        <v>25</v>
      </c>
      <c r="K16" s="35">
        <v>26</v>
      </c>
      <c r="L16" s="23">
        <v>27</v>
      </c>
      <c r="M16" s="23">
        <v>28</v>
      </c>
      <c r="N16" s="35">
        <v>29</v>
      </c>
      <c r="O16" s="34">
        <v>30</v>
      </c>
      <c r="Q16" s="36">
        <v>28</v>
      </c>
      <c r="R16" s="23">
        <v>29</v>
      </c>
      <c r="S16" s="35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2"/>
      <c r="B17" s="30" t="s">
        <v>6</v>
      </c>
      <c r="C17" s="42" t="s">
        <v>4</v>
      </c>
      <c r="D17" s="29"/>
      <c r="E17" s="29"/>
      <c r="F17" s="29"/>
      <c r="G17" s="28"/>
      <c r="I17" s="32"/>
      <c r="J17" s="30" t="s">
        <v>6</v>
      </c>
      <c r="K17" s="30" t="s">
        <v>4</v>
      </c>
      <c r="L17" s="29"/>
      <c r="M17" s="29"/>
      <c r="N17" s="30" t="s">
        <v>4</v>
      </c>
      <c r="O17" s="28"/>
      <c r="Q17" s="32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2"/>
      <c r="AA20" s="122"/>
      <c r="AB20" s="122"/>
      <c r="AC20" s="122"/>
      <c r="AD20" s="122"/>
      <c r="AE20" s="122"/>
      <c r="AF20" s="122"/>
      <c r="AG20" s="122"/>
      <c r="AH20" s="122"/>
    </row>
    <row r="21" spans="1:34" s="54" customFormat="1" ht="39.950000000000003" customHeight="1" thickBot="1" x14ac:dyDescent="0.3">
      <c r="C21" s="123" t="s">
        <v>30</v>
      </c>
      <c r="D21" s="124"/>
      <c r="E21" s="125"/>
      <c r="G21" s="55"/>
      <c r="K21" s="126" t="s">
        <v>29</v>
      </c>
      <c r="L21" s="127"/>
      <c r="M21" s="128"/>
      <c r="O21" s="55"/>
      <c r="S21" s="126" t="s">
        <v>28</v>
      </c>
      <c r="T21" s="127"/>
      <c r="U21" s="128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7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35">
        <v>1</v>
      </c>
      <c r="E23" s="23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2">
        <v>0</v>
      </c>
      <c r="O23" s="34">
        <v>1</v>
      </c>
      <c r="Q23" s="36">
        <v>0</v>
      </c>
      <c r="R23" s="23">
        <v>0</v>
      </c>
      <c r="S23" s="35">
        <v>1</v>
      </c>
      <c r="T23" s="35">
        <v>2</v>
      </c>
      <c r="U23" s="23">
        <v>3</v>
      </c>
      <c r="V23" s="49">
        <v>4</v>
      </c>
      <c r="W23" s="34">
        <v>5</v>
      </c>
    </row>
    <row r="24" spans="1:34" s="27" customFormat="1" ht="70.5" customHeight="1" x14ac:dyDescent="0.25">
      <c r="A24" s="33"/>
      <c r="B24" s="29"/>
      <c r="C24" s="29"/>
      <c r="D24" s="30" t="s">
        <v>9</v>
      </c>
      <c r="E24" s="29"/>
      <c r="F24" s="30" t="s">
        <v>4</v>
      </c>
      <c r="G24" s="37"/>
      <c r="I24" s="33"/>
      <c r="J24" s="29"/>
      <c r="K24" s="29"/>
      <c r="L24" s="29"/>
      <c r="M24" s="29"/>
      <c r="N24" s="29"/>
      <c r="O24" s="37"/>
      <c r="Q24" s="33"/>
      <c r="R24" s="29"/>
      <c r="S24" s="30" t="s">
        <v>4</v>
      </c>
      <c r="T24" s="30" t="s">
        <v>9</v>
      </c>
      <c r="U24" s="29"/>
      <c r="V24" s="38" t="s">
        <v>4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4">
        <v>7</v>
      </c>
      <c r="D25" s="45">
        <v>8</v>
      </c>
      <c r="E25" s="45">
        <v>9</v>
      </c>
      <c r="F25" s="44">
        <v>10</v>
      </c>
      <c r="G25" s="43">
        <v>11</v>
      </c>
      <c r="I25" s="47">
        <v>2</v>
      </c>
      <c r="J25" s="44">
        <v>3</v>
      </c>
      <c r="K25" s="44">
        <v>4</v>
      </c>
      <c r="L25" s="44">
        <v>5</v>
      </c>
      <c r="M25" s="45">
        <v>6</v>
      </c>
      <c r="N25" s="44">
        <v>7</v>
      </c>
      <c r="O25" s="43">
        <v>8</v>
      </c>
      <c r="Q25" s="47">
        <v>6</v>
      </c>
      <c r="R25" s="44">
        <v>7</v>
      </c>
      <c r="S25" s="44">
        <v>8</v>
      </c>
      <c r="T25" s="64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2"/>
      <c r="B26" s="42" t="s">
        <v>10</v>
      </c>
      <c r="C26" s="42" t="s">
        <v>4</v>
      </c>
      <c r="D26" s="39"/>
      <c r="E26" s="39"/>
      <c r="F26" s="38" t="s">
        <v>4</v>
      </c>
      <c r="G26" s="37"/>
      <c r="I26" s="32"/>
      <c r="J26" s="42" t="s">
        <v>10</v>
      </c>
      <c r="K26" s="38" t="s">
        <v>4</v>
      </c>
      <c r="L26" s="42" t="s">
        <v>9</v>
      </c>
      <c r="M26" s="39"/>
      <c r="N26" s="38" t="s">
        <v>4</v>
      </c>
      <c r="O26" s="37"/>
      <c r="Q26" s="32"/>
      <c r="R26" s="42" t="s">
        <v>10</v>
      </c>
      <c r="S26" s="42" t="s">
        <v>4</v>
      </c>
      <c r="T26" s="39"/>
      <c r="U26" s="39"/>
      <c r="V26" s="30" t="s">
        <v>4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4">
        <v>14</v>
      </c>
      <c r="D27" s="44">
        <v>15</v>
      </c>
      <c r="E27" s="45">
        <v>16</v>
      </c>
      <c r="F27" s="44">
        <v>17</v>
      </c>
      <c r="G27" s="43">
        <v>18</v>
      </c>
      <c r="I27" s="47">
        <v>9</v>
      </c>
      <c r="J27" s="44">
        <v>10</v>
      </c>
      <c r="K27" s="46">
        <v>11</v>
      </c>
      <c r="L27" s="45">
        <v>12</v>
      </c>
      <c r="M27" s="45">
        <v>13</v>
      </c>
      <c r="N27" s="44">
        <v>14</v>
      </c>
      <c r="O27" s="43">
        <v>15</v>
      </c>
      <c r="Q27" s="47">
        <v>13</v>
      </c>
      <c r="R27" s="44">
        <v>14</v>
      </c>
      <c r="S27" s="44">
        <v>15</v>
      </c>
      <c r="T27" s="44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2"/>
      <c r="B28" s="42" t="s">
        <v>7</v>
      </c>
      <c r="C28" s="38" t="s">
        <v>4</v>
      </c>
      <c r="D28" s="42" t="s">
        <v>9</v>
      </c>
      <c r="E28" s="39"/>
      <c r="F28" s="30" t="s">
        <v>4</v>
      </c>
      <c r="G28" s="37"/>
      <c r="I28" s="32"/>
      <c r="J28" s="42" t="s">
        <v>7</v>
      </c>
      <c r="K28" s="41" t="s">
        <v>8</v>
      </c>
      <c r="L28" s="39"/>
      <c r="M28" s="39"/>
      <c r="N28" s="30" t="s">
        <v>4</v>
      </c>
      <c r="O28" s="37"/>
      <c r="Q28" s="32"/>
      <c r="R28" s="42" t="s">
        <v>7</v>
      </c>
      <c r="S28" s="38" t="s">
        <v>4</v>
      </c>
      <c r="T28" s="42" t="s">
        <v>9</v>
      </c>
      <c r="U28" s="39"/>
      <c r="V28" s="38" t="s">
        <v>4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4">
        <v>21</v>
      </c>
      <c r="D29" s="45">
        <v>22</v>
      </c>
      <c r="E29" s="45">
        <v>23</v>
      </c>
      <c r="F29" s="44">
        <v>24</v>
      </c>
      <c r="G29" s="43">
        <v>25</v>
      </c>
      <c r="I29" s="47">
        <v>16</v>
      </c>
      <c r="J29" s="44">
        <v>17</v>
      </c>
      <c r="K29" s="44">
        <v>18</v>
      </c>
      <c r="L29" s="44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48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2"/>
      <c r="B30" s="40" t="s">
        <v>26</v>
      </c>
      <c r="C30" s="38" t="s">
        <v>4</v>
      </c>
      <c r="D30" s="39"/>
      <c r="E30" s="39"/>
      <c r="F30" s="38" t="s">
        <v>4</v>
      </c>
      <c r="G30" s="37"/>
      <c r="I30" s="32"/>
      <c r="J30" s="42" t="s">
        <v>10</v>
      </c>
      <c r="K30" s="38" t="s">
        <v>4</v>
      </c>
      <c r="L30" s="42" t="s">
        <v>9</v>
      </c>
      <c r="M30" s="39"/>
      <c r="N30" s="38" t="s">
        <v>4</v>
      </c>
      <c r="O30" s="37"/>
      <c r="Q30" s="32"/>
      <c r="R30" s="40" t="s">
        <v>26</v>
      </c>
      <c r="S30" s="41" t="s">
        <v>8</v>
      </c>
      <c r="T30" s="39"/>
      <c r="U30" s="39"/>
      <c r="V30" s="30" t="s">
        <v>4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35">
        <v>28</v>
      </c>
      <c r="D31" s="23">
        <v>29</v>
      </c>
      <c r="E31" s="23">
        <v>30</v>
      </c>
      <c r="F31" s="35">
        <v>31</v>
      </c>
      <c r="G31" s="34">
        <v>0</v>
      </c>
      <c r="I31" s="36">
        <v>23</v>
      </c>
      <c r="J31" s="35">
        <v>24</v>
      </c>
      <c r="K31" s="35">
        <v>25</v>
      </c>
      <c r="L31" s="23">
        <v>26</v>
      </c>
      <c r="M31" s="23">
        <v>27</v>
      </c>
      <c r="N31" s="35">
        <v>28</v>
      </c>
      <c r="O31" s="22">
        <v>29</v>
      </c>
      <c r="Q31" s="36">
        <v>27</v>
      </c>
      <c r="R31" s="35">
        <v>28</v>
      </c>
      <c r="S31" s="35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2"/>
      <c r="B32" s="30" t="s">
        <v>6</v>
      </c>
      <c r="C32" s="30" t="s">
        <v>4</v>
      </c>
      <c r="D32" s="29"/>
      <c r="E32" s="29"/>
      <c r="F32" s="30" t="s">
        <v>4</v>
      </c>
      <c r="G32" s="28"/>
      <c r="I32" s="32"/>
      <c r="J32" s="30" t="s">
        <v>6</v>
      </c>
      <c r="K32" s="30" t="s">
        <v>4</v>
      </c>
      <c r="L32" s="29"/>
      <c r="M32" s="29"/>
      <c r="N32" s="30" t="s">
        <v>4</v>
      </c>
      <c r="O32" s="28"/>
      <c r="Q32" s="32"/>
      <c r="R32" s="42" t="s">
        <v>6</v>
      </c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29" t="s">
        <v>0</v>
      </c>
      <c r="P35" s="129"/>
      <c r="Q35" s="129"/>
      <c r="R35" s="129"/>
      <c r="S35" s="129"/>
      <c r="T35" s="129"/>
      <c r="U35" s="129"/>
      <c r="V35" s="129"/>
      <c r="W35" s="8">
        <v>17</v>
      </c>
    </row>
    <row r="36" spans="1:23" s="54" customFormat="1" ht="39.950000000000003" customHeight="1" thickBot="1" x14ac:dyDescent="0.3">
      <c r="C36" s="126" t="s">
        <v>25</v>
      </c>
      <c r="D36" s="127"/>
      <c r="E36" s="128"/>
      <c r="G36" s="66"/>
      <c r="K36" s="126" t="s">
        <v>24</v>
      </c>
      <c r="L36" s="127"/>
      <c r="M36" s="128"/>
      <c r="O36" s="66"/>
      <c r="S36" s="126" t="s">
        <v>23</v>
      </c>
      <c r="T36" s="127"/>
      <c r="U36" s="128"/>
      <c r="W36" s="66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23">
        <v>1</v>
      </c>
      <c r="F38" s="35">
        <v>2</v>
      </c>
      <c r="G38" s="43">
        <v>3</v>
      </c>
      <c r="I38" s="36">
        <v>1</v>
      </c>
      <c r="J38" s="35">
        <v>2</v>
      </c>
      <c r="K38" s="65">
        <v>3</v>
      </c>
      <c r="L38" s="35">
        <v>4</v>
      </c>
      <c r="M38" s="23">
        <v>5</v>
      </c>
      <c r="N38" s="35">
        <v>6</v>
      </c>
      <c r="O38" s="43">
        <v>7</v>
      </c>
      <c r="Q38" s="36">
        <v>0</v>
      </c>
      <c r="R38" s="23">
        <v>0</v>
      </c>
      <c r="S38" s="35">
        <v>1</v>
      </c>
      <c r="T38" s="35">
        <v>2</v>
      </c>
      <c r="U38" s="23">
        <v>3</v>
      </c>
      <c r="V38" s="49">
        <v>4</v>
      </c>
      <c r="W38" s="34">
        <v>5</v>
      </c>
    </row>
    <row r="39" spans="1:23" s="27" customFormat="1" ht="70.5" customHeight="1" x14ac:dyDescent="0.25">
      <c r="A39" s="33"/>
      <c r="B39" s="29"/>
      <c r="C39" s="29"/>
      <c r="D39" s="29"/>
      <c r="E39" s="29"/>
      <c r="F39" s="30" t="s">
        <v>4</v>
      </c>
      <c r="G39" s="37"/>
      <c r="I39" s="33"/>
      <c r="J39" s="30" t="s">
        <v>10</v>
      </c>
      <c r="K39" s="61" t="s">
        <v>8</v>
      </c>
      <c r="L39" s="30" t="s">
        <v>9</v>
      </c>
      <c r="M39" s="29"/>
      <c r="N39" s="30" t="s">
        <v>4</v>
      </c>
      <c r="O39" s="37"/>
      <c r="Q39" s="33"/>
      <c r="R39" s="29"/>
      <c r="S39" s="30" t="s">
        <v>4</v>
      </c>
      <c r="T39" s="30" t="s">
        <v>9</v>
      </c>
      <c r="U39" s="29"/>
      <c r="V39" s="38" t="s">
        <v>4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4">
        <v>6</v>
      </c>
      <c r="D40" s="44">
        <v>7</v>
      </c>
      <c r="E40" s="62">
        <v>8</v>
      </c>
      <c r="F40" s="63">
        <v>9</v>
      </c>
      <c r="G40" s="43">
        <v>10</v>
      </c>
      <c r="I40" s="47">
        <v>8</v>
      </c>
      <c r="J40" s="44">
        <v>9</v>
      </c>
      <c r="K40" s="44">
        <v>10</v>
      </c>
      <c r="L40" s="45">
        <v>11</v>
      </c>
      <c r="M40" s="45">
        <v>12</v>
      </c>
      <c r="N40" s="44">
        <v>13</v>
      </c>
      <c r="O40" s="43">
        <v>14</v>
      </c>
      <c r="Q40" s="47">
        <v>6</v>
      </c>
      <c r="R40" s="44">
        <v>7</v>
      </c>
      <c r="S40" s="44">
        <v>8</v>
      </c>
      <c r="T40" s="64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2"/>
      <c r="B41" s="42" t="s">
        <v>10</v>
      </c>
      <c r="C41" s="42" t="s">
        <v>4</v>
      </c>
      <c r="D41" s="42" t="s">
        <v>9</v>
      </c>
      <c r="E41" s="39"/>
      <c r="F41" s="38" t="s">
        <v>4</v>
      </c>
      <c r="G41" s="37"/>
      <c r="I41" s="32"/>
      <c r="J41" s="42" t="s">
        <v>7</v>
      </c>
      <c r="K41" s="38" t="s">
        <v>4</v>
      </c>
      <c r="L41" s="39"/>
      <c r="M41" s="39"/>
      <c r="N41" s="38" t="s">
        <v>4</v>
      </c>
      <c r="O41" s="37"/>
      <c r="Q41" s="32"/>
      <c r="R41" s="42" t="s">
        <v>10</v>
      </c>
      <c r="S41" s="42" t="s">
        <v>4</v>
      </c>
      <c r="T41" s="39"/>
      <c r="U41" s="39"/>
      <c r="V41" s="30" t="s">
        <v>4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4">
        <v>13</v>
      </c>
      <c r="D42" s="45">
        <v>14</v>
      </c>
      <c r="E42" s="62">
        <v>15</v>
      </c>
      <c r="F42" s="44">
        <v>16</v>
      </c>
      <c r="G42" s="43">
        <v>17</v>
      </c>
      <c r="I42" s="47">
        <v>15</v>
      </c>
      <c r="J42" s="44">
        <v>16</v>
      </c>
      <c r="K42" s="63">
        <v>17</v>
      </c>
      <c r="L42" s="44">
        <v>18</v>
      </c>
      <c r="M42" s="45">
        <v>19</v>
      </c>
      <c r="N42" s="44">
        <v>20</v>
      </c>
      <c r="O42" s="43">
        <v>21</v>
      </c>
      <c r="Q42" s="47">
        <v>13</v>
      </c>
      <c r="R42" s="44">
        <v>14</v>
      </c>
      <c r="S42" s="44">
        <v>15</v>
      </c>
      <c r="T42" s="44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2"/>
      <c r="B43" s="40" t="s">
        <v>7</v>
      </c>
      <c r="C43" s="38" t="s">
        <v>4</v>
      </c>
      <c r="D43" s="39"/>
      <c r="E43" s="39"/>
      <c r="F43" s="30" t="s">
        <v>4</v>
      </c>
      <c r="G43" s="37"/>
      <c r="I43" s="32"/>
      <c r="J43" s="42" t="s">
        <v>22</v>
      </c>
      <c r="K43" s="38" t="s">
        <v>4</v>
      </c>
      <c r="L43" s="42" t="s">
        <v>9</v>
      </c>
      <c r="M43" s="39"/>
      <c r="N43" s="30" t="s">
        <v>4</v>
      </c>
      <c r="O43" s="37"/>
      <c r="Q43" s="32"/>
      <c r="R43" s="42" t="s">
        <v>7</v>
      </c>
      <c r="S43" s="38" t="s">
        <v>4</v>
      </c>
      <c r="T43" s="42" t="s">
        <v>9</v>
      </c>
      <c r="U43" s="39"/>
      <c r="V43" s="38" t="s">
        <v>4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4">
        <v>20</v>
      </c>
      <c r="D44" s="44">
        <v>21</v>
      </c>
      <c r="E44" s="62">
        <v>22</v>
      </c>
      <c r="F44" s="44">
        <v>23</v>
      </c>
      <c r="G44" s="43">
        <v>24</v>
      </c>
      <c r="I44" s="47">
        <v>22</v>
      </c>
      <c r="J44" s="46">
        <v>23</v>
      </c>
      <c r="K44" s="44">
        <v>24</v>
      </c>
      <c r="L44" s="45">
        <v>25</v>
      </c>
      <c r="M44" s="45">
        <v>26</v>
      </c>
      <c r="N44" s="44">
        <v>27</v>
      </c>
      <c r="O44" s="43">
        <v>28</v>
      </c>
      <c r="Q44" s="47">
        <v>20</v>
      </c>
      <c r="R44" s="44">
        <v>21</v>
      </c>
      <c r="S44" s="44">
        <v>22</v>
      </c>
      <c r="T44" s="45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2"/>
      <c r="B45" s="42" t="s">
        <v>10</v>
      </c>
      <c r="C45" s="38" t="s">
        <v>4</v>
      </c>
      <c r="D45" s="42" t="s">
        <v>9</v>
      </c>
      <c r="E45" s="39"/>
      <c r="F45" s="38" t="s">
        <v>4</v>
      </c>
      <c r="G45" s="37"/>
      <c r="I45" s="32"/>
      <c r="J45" s="40" t="s">
        <v>7</v>
      </c>
      <c r="K45" s="42" t="s">
        <v>4</v>
      </c>
      <c r="L45" s="39"/>
      <c r="M45" s="39"/>
      <c r="N45" s="38" t="s">
        <v>4</v>
      </c>
      <c r="O45" s="37"/>
      <c r="Q45" s="32"/>
      <c r="R45" s="42" t="s">
        <v>10</v>
      </c>
      <c r="S45" s="38" t="s">
        <v>4</v>
      </c>
      <c r="T45" s="39"/>
      <c r="U45" s="39"/>
      <c r="V45" s="30" t="s">
        <v>4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35">
        <v>27</v>
      </c>
      <c r="D46" s="23">
        <v>28</v>
      </c>
      <c r="E46" s="23">
        <v>29</v>
      </c>
      <c r="F46" s="35">
        <v>30</v>
      </c>
      <c r="G46" s="34">
        <v>31</v>
      </c>
      <c r="I46" s="36">
        <v>29</v>
      </c>
      <c r="J46" s="23">
        <v>30</v>
      </c>
      <c r="K46" s="35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35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2"/>
      <c r="B47" s="30" t="s">
        <v>6</v>
      </c>
      <c r="C47" s="30" t="s">
        <v>4</v>
      </c>
      <c r="D47" s="29"/>
      <c r="E47" s="29"/>
      <c r="F47" s="30" t="s">
        <v>4</v>
      </c>
      <c r="G47" s="28"/>
      <c r="I47" s="32"/>
      <c r="J47" s="29"/>
      <c r="K47" s="30"/>
      <c r="L47" s="29"/>
      <c r="M47" s="29"/>
      <c r="N47" s="29"/>
      <c r="O47" s="28"/>
      <c r="Q47" s="32"/>
      <c r="R47" s="30" t="s">
        <v>6</v>
      </c>
      <c r="S47" s="61" t="s">
        <v>8</v>
      </c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3" t="s">
        <v>20</v>
      </c>
      <c r="D51" s="124"/>
      <c r="E51" s="125"/>
      <c r="G51" s="55"/>
      <c r="K51" s="123" t="s">
        <v>19</v>
      </c>
      <c r="L51" s="124"/>
      <c r="M51" s="125"/>
      <c r="O51" s="55"/>
      <c r="S51" s="126" t="s">
        <v>18</v>
      </c>
      <c r="T51" s="127"/>
      <c r="U51" s="128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35">
        <v>2</v>
      </c>
      <c r="L53" s="35">
        <v>3</v>
      </c>
      <c r="M53" s="23">
        <v>4</v>
      </c>
      <c r="N53" s="35">
        <v>5</v>
      </c>
      <c r="O53" s="43">
        <v>6</v>
      </c>
      <c r="Q53" s="36">
        <v>0</v>
      </c>
      <c r="R53" s="35">
        <v>1</v>
      </c>
      <c r="S53" s="35">
        <v>2</v>
      </c>
      <c r="T53" s="35">
        <v>3</v>
      </c>
      <c r="U53" s="23">
        <v>4</v>
      </c>
      <c r="V53" s="49">
        <v>5</v>
      </c>
      <c r="W53" s="34">
        <v>6</v>
      </c>
    </row>
    <row r="54" spans="1:23" s="27" customFormat="1" ht="70.5" customHeight="1" x14ac:dyDescent="0.25">
      <c r="A54" s="33"/>
      <c r="B54" s="29"/>
      <c r="C54" s="29"/>
      <c r="D54" s="29"/>
      <c r="E54" s="29"/>
      <c r="F54" s="29"/>
      <c r="G54" s="37"/>
      <c r="I54" s="33"/>
      <c r="J54" s="30" t="s">
        <v>10</v>
      </c>
      <c r="K54" s="30" t="s">
        <v>4</v>
      </c>
      <c r="L54" s="30" t="s">
        <v>9</v>
      </c>
      <c r="M54" s="29"/>
      <c r="N54" s="30" t="s">
        <v>4</v>
      </c>
      <c r="O54" s="37"/>
      <c r="Q54" s="33"/>
      <c r="R54" s="30" t="s">
        <v>10</v>
      </c>
      <c r="S54" s="30" t="s">
        <v>4</v>
      </c>
      <c r="T54" s="30" t="s">
        <v>9</v>
      </c>
      <c r="U54" s="29"/>
      <c r="V54" s="30" t="s">
        <v>4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4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4">
        <v>8</v>
      </c>
      <c r="K55" s="44">
        <v>9</v>
      </c>
      <c r="L55" s="45">
        <v>10</v>
      </c>
      <c r="M55" s="48">
        <v>11</v>
      </c>
      <c r="N55" s="44">
        <v>12</v>
      </c>
      <c r="O55" s="43">
        <v>13</v>
      </c>
      <c r="Q55" s="47">
        <v>7</v>
      </c>
      <c r="R55" s="44">
        <v>8</v>
      </c>
      <c r="S55" s="44">
        <v>9</v>
      </c>
      <c r="T55" s="45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2"/>
      <c r="B56" s="42" t="s">
        <v>10</v>
      </c>
      <c r="C56" s="38" t="s">
        <v>4</v>
      </c>
      <c r="D56" s="42" t="s">
        <v>9</v>
      </c>
      <c r="E56" s="39"/>
      <c r="F56" s="42" t="s">
        <v>4</v>
      </c>
      <c r="G56" s="37"/>
      <c r="I56" s="32"/>
      <c r="J56" s="42" t="s">
        <v>7</v>
      </c>
      <c r="K56" s="38" t="s">
        <v>4</v>
      </c>
      <c r="L56" s="39"/>
      <c r="M56" s="39"/>
      <c r="N56" s="42" t="s">
        <v>4</v>
      </c>
      <c r="O56" s="37"/>
      <c r="Q56" s="32"/>
      <c r="R56" s="42" t="s">
        <v>7</v>
      </c>
      <c r="S56" s="38" t="s">
        <v>4</v>
      </c>
      <c r="T56" s="39"/>
      <c r="U56" s="39"/>
      <c r="V56" s="38" t="s">
        <v>4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4">
        <v>12</v>
      </c>
      <c r="D57" s="45">
        <v>13</v>
      </c>
      <c r="E57" s="45">
        <v>14</v>
      </c>
      <c r="F57" s="44">
        <v>15</v>
      </c>
      <c r="G57" s="43">
        <v>16</v>
      </c>
      <c r="I57" s="47">
        <v>14</v>
      </c>
      <c r="J57" s="44">
        <v>15</v>
      </c>
      <c r="K57" s="44">
        <v>16</v>
      </c>
      <c r="L57" s="44">
        <v>17</v>
      </c>
      <c r="M57" s="45">
        <v>18</v>
      </c>
      <c r="N57" s="44">
        <v>19</v>
      </c>
      <c r="O57" s="43">
        <v>20</v>
      </c>
      <c r="Q57" s="47">
        <v>14</v>
      </c>
      <c r="R57" s="44">
        <v>15</v>
      </c>
      <c r="S57" s="44">
        <v>16</v>
      </c>
      <c r="T57" s="44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2"/>
      <c r="B58" s="40" t="s">
        <v>7</v>
      </c>
      <c r="C58" s="38" t="s">
        <v>4</v>
      </c>
      <c r="D58" s="39"/>
      <c r="E58" s="39"/>
      <c r="F58" s="30" t="s">
        <v>4</v>
      </c>
      <c r="G58" s="37"/>
      <c r="I58" s="32"/>
      <c r="J58" s="42" t="s">
        <v>10</v>
      </c>
      <c r="K58" s="38" t="s">
        <v>4</v>
      </c>
      <c r="L58" s="42" t="s">
        <v>9</v>
      </c>
      <c r="M58" s="39"/>
      <c r="N58" s="30" t="s">
        <v>4</v>
      </c>
      <c r="O58" s="37"/>
      <c r="Q58" s="32"/>
      <c r="R58" s="42" t="s">
        <v>10</v>
      </c>
      <c r="S58" s="38" t="s">
        <v>4</v>
      </c>
      <c r="T58" s="42" t="s">
        <v>9</v>
      </c>
      <c r="U58" s="39"/>
      <c r="V58" s="30" t="s">
        <v>4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4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4">
        <v>22</v>
      </c>
      <c r="K59" s="46">
        <v>23</v>
      </c>
      <c r="L59" s="45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4">
        <v>23</v>
      </c>
      <c r="T59" s="45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2"/>
      <c r="B60" s="42" t="s">
        <v>10</v>
      </c>
      <c r="C60" s="38" t="s">
        <v>4</v>
      </c>
      <c r="D60" s="42" t="s">
        <v>9</v>
      </c>
      <c r="E60" s="39"/>
      <c r="F60" s="30" t="s">
        <v>4</v>
      </c>
      <c r="G60" s="37"/>
      <c r="I60" s="32"/>
      <c r="J60" s="42" t="s">
        <v>6</v>
      </c>
      <c r="K60" s="41" t="s">
        <v>8</v>
      </c>
      <c r="L60" s="39"/>
      <c r="M60" s="39"/>
      <c r="N60" s="38" t="s">
        <v>4</v>
      </c>
      <c r="O60" s="37"/>
      <c r="Q60" s="32"/>
      <c r="R60" s="40" t="s">
        <v>7</v>
      </c>
      <c r="S60" s="38" t="s">
        <v>4</v>
      </c>
      <c r="T60" s="39"/>
      <c r="U60" s="39"/>
      <c r="V60" s="38" t="s">
        <v>4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35">
        <v>26</v>
      </c>
      <c r="D61" s="23">
        <v>27</v>
      </c>
      <c r="E61" s="23">
        <v>28</v>
      </c>
      <c r="F61" s="35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23">
        <v>29</v>
      </c>
      <c r="S61" s="35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2"/>
      <c r="B62" s="30" t="s">
        <v>6</v>
      </c>
      <c r="C62" s="30" t="s">
        <v>4</v>
      </c>
      <c r="D62" s="29"/>
      <c r="E62" s="29"/>
      <c r="F62" s="30" t="s">
        <v>4</v>
      </c>
      <c r="G62" s="28"/>
      <c r="I62" s="33"/>
      <c r="J62" s="29"/>
      <c r="K62" s="29"/>
      <c r="L62" s="29"/>
      <c r="M62" s="29"/>
      <c r="N62" s="29"/>
      <c r="O62" s="28"/>
      <c r="Q62" s="32"/>
      <c r="R62" s="31" t="s">
        <v>5</v>
      </c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29" t="s">
        <v>0</v>
      </c>
      <c r="P65" s="129"/>
      <c r="Q65" s="129"/>
      <c r="R65" s="129"/>
      <c r="S65" s="129"/>
      <c r="T65" s="129"/>
      <c r="U65" s="129"/>
      <c r="V65" s="129"/>
      <c r="W65" s="8">
        <v>17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3:H3"/>
    <mergeCell ref="L3:N3"/>
    <mergeCell ref="O3:P3"/>
    <mergeCell ref="Q3:R3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7</vt:lpstr>
      <vt:lpstr>'17'!Print_Area</vt:lpstr>
      <vt:lpstr>'1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4:07Z</cp:lastPrinted>
  <dcterms:created xsi:type="dcterms:W3CDTF">2025-12-02T02:46:54Z</dcterms:created>
  <dcterms:modified xsi:type="dcterms:W3CDTF">2025-12-02T07:34:11Z</dcterms:modified>
</cp:coreProperties>
</file>